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5年度\02_財政グループ分\03_エクセル\02_RPA後（合計欄に算定式入力）\"/>
    </mc:Choice>
  </mc:AlternateContent>
  <bookViews>
    <workbookView xWindow="0" yWindow="0" windowWidth="20400" windowHeight="7236"/>
  </bookViews>
  <sheets>
    <sheet name="15-1(積立金合計)" sheetId="1" r:id="rId1"/>
    <sheet name="15-2（財調）" sheetId="2" r:id="rId2"/>
    <sheet name="15-3（減債）" sheetId="3" r:id="rId3"/>
    <sheet name="15-4（その他特目）" sheetId="4" r:id="rId4"/>
  </sheets>
  <externalReferences>
    <externalReference r:id="rId5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5-1(積立金合計)'!$A$1:$G$39</definedName>
    <definedName name="_xlnm.Print_Area" localSheetId="1">'15-2（財調）'!$A$1:$G$39</definedName>
    <definedName name="_xlnm.Print_Area" localSheetId="2">'15-3（減債）'!$A$1:$G$39</definedName>
    <definedName name="_xlnm.Print_Area" localSheetId="3">'15-4（その他特目）'!$A$1:$G$39</definedName>
    <definedName name="_xlnm.Print_Titles" localSheetId="0">'15-1(積立金合計)'!$A:$A</definedName>
    <definedName name="_xlnm.Print_Titles" localSheetId="1">'15-2（財調）'!$A:$A</definedName>
    <definedName name="_xlnm.Print_Titles" localSheetId="2">'15-3（減債）'!$A:$A</definedName>
    <definedName name="_xlnm.Print_Titles" localSheetId="3">'15-4（その他特目）'!$A:$A</definedName>
  </definedNames>
  <calcPr calcId="162913"/>
</workbook>
</file>

<file path=xl/calcChain.xml><?xml version="1.0" encoding="utf-8"?>
<calcChain xmlns="http://schemas.openxmlformats.org/spreadsheetml/2006/main">
  <c r="C39" i="1" l="1"/>
  <c r="D39" i="1"/>
  <c r="E39" i="1"/>
  <c r="F39" i="1"/>
  <c r="G39" i="1"/>
  <c r="B39" i="1"/>
  <c r="C39" i="2"/>
  <c r="D39" i="2"/>
  <c r="E39" i="2"/>
  <c r="F39" i="2"/>
  <c r="G39" i="2"/>
  <c r="B39" i="2"/>
  <c r="C39" i="3"/>
  <c r="D39" i="3"/>
  <c r="E39" i="3"/>
  <c r="F39" i="3"/>
  <c r="G39" i="3"/>
  <c r="B39" i="3"/>
  <c r="C39" i="4"/>
  <c r="D39" i="4"/>
  <c r="E39" i="4"/>
  <c r="F39" i="4"/>
  <c r="G39" i="4"/>
  <c r="B39" i="4"/>
</calcChain>
</file>

<file path=xl/sharedStrings.xml><?xml version="1.0" encoding="utf-8"?>
<sst xmlns="http://schemas.openxmlformats.org/spreadsheetml/2006/main" count="208" uniqueCount="63">
  <si>
    <t>歳計剰余金</t>
  </si>
  <si>
    <t>歳出決算額</t>
    <rPh sb="0" eb="2">
      <t>サイシュツ</t>
    </rPh>
    <rPh sb="2" eb="4">
      <t>ケッサン</t>
    </rPh>
    <rPh sb="4" eb="5">
      <t>ガク</t>
    </rPh>
    <phoneticPr fontId="2"/>
  </si>
  <si>
    <t>Ａ</t>
  </si>
  <si>
    <t>Ｂ</t>
  </si>
  <si>
    <t>Ｃ</t>
  </si>
  <si>
    <t>Ａ＋Ｂ－Ｃ</t>
    <phoneticPr fontId="2"/>
  </si>
  <si>
    <t>Ｄ</t>
    <phoneticPr fontId="2"/>
  </si>
  <si>
    <t>取崩し額</t>
    <phoneticPr fontId="2"/>
  </si>
  <si>
    <t>処分による</t>
    <phoneticPr fontId="2"/>
  </si>
  <si>
    <t>調整額</t>
    <phoneticPr fontId="2"/>
  </si>
  <si>
    <t>現在高</t>
    <phoneticPr fontId="2"/>
  </si>
  <si>
    <t>もの</t>
    <phoneticPr fontId="2"/>
  </si>
  <si>
    <t>Ｅ</t>
    <phoneticPr fontId="2"/>
  </si>
  <si>
    <t>＋Ｄ＋Ｅ</t>
    <phoneticPr fontId="2"/>
  </si>
  <si>
    <t>現在高</t>
  </si>
  <si>
    <t>取崩し額</t>
  </si>
  <si>
    <t>処分による</t>
  </si>
  <si>
    <t>調整額</t>
  </si>
  <si>
    <t>もの</t>
  </si>
  <si>
    <t>Ａ＋Ｂ－Ｃ</t>
  </si>
  <si>
    <t>Ｄ</t>
  </si>
  <si>
    <t>Ｅ</t>
  </si>
  <si>
    <t>＋Ｄ＋Ｅ</t>
  </si>
  <si>
    <t>茅ヶ崎市</t>
    <phoneticPr fontId="2"/>
  </si>
  <si>
    <t>鎌倉市</t>
    <phoneticPr fontId="2"/>
  </si>
  <si>
    <t>南足柄市</t>
    <phoneticPr fontId="2"/>
  </si>
  <si>
    <t>開成町</t>
    <phoneticPr fontId="2"/>
  </si>
  <si>
    <t>箱根町</t>
    <phoneticPr fontId="2"/>
  </si>
  <si>
    <t>真鶴町</t>
    <phoneticPr fontId="2"/>
  </si>
  <si>
    <t>湯河原町</t>
    <phoneticPr fontId="2"/>
  </si>
  <si>
    <t>愛川町</t>
    <phoneticPr fontId="2"/>
  </si>
  <si>
    <t>清川村</t>
    <phoneticPr fontId="2"/>
  </si>
  <si>
    <t>市町村計</t>
    <phoneticPr fontId="2"/>
  </si>
  <si>
    <t>横浜市</t>
    <phoneticPr fontId="2"/>
  </si>
  <si>
    <t>川崎市</t>
    <phoneticPr fontId="2"/>
  </si>
  <si>
    <t>相模原市</t>
    <phoneticPr fontId="2"/>
  </si>
  <si>
    <t>横須賀市</t>
    <phoneticPr fontId="2"/>
  </si>
  <si>
    <t>平塚市</t>
    <phoneticPr fontId="2"/>
  </si>
  <si>
    <t>藤沢市</t>
    <phoneticPr fontId="2"/>
  </si>
  <si>
    <t>小田原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伊勢原市</t>
    <phoneticPr fontId="2"/>
  </si>
  <si>
    <t>海老名市</t>
    <phoneticPr fontId="2"/>
  </si>
  <si>
    <t>座間市</t>
    <phoneticPr fontId="2"/>
  </si>
  <si>
    <t>綾瀬市</t>
    <phoneticPr fontId="2"/>
  </si>
  <si>
    <t>葉山町</t>
    <phoneticPr fontId="2"/>
  </si>
  <si>
    <t>寒川町</t>
    <phoneticPr fontId="2"/>
  </si>
  <si>
    <t>大磯町</t>
    <phoneticPr fontId="2"/>
  </si>
  <si>
    <t>二宮町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令和３年度末</t>
    <rPh sb="0" eb="2">
      <t>レイワ</t>
    </rPh>
    <phoneticPr fontId="2"/>
  </si>
  <si>
    <t>令和４年度</t>
    <rPh sb="0" eb="2">
      <t>レイワ</t>
    </rPh>
    <phoneticPr fontId="1"/>
  </si>
  <si>
    <t>令和４年度末</t>
    <rPh sb="0" eb="2">
      <t>レイワ</t>
    </rPh>
    <rPh sb="5" eb="6">
      <t>マツ</t>
    </rPh>
    <phoneticPr fontId="1"/>
  </si>
  <si>
    <t>令和３年度末</t>
    <rPh sb="0" eb="2">
      <t>レイワ</t>
    </rPh>
    <rPh sb="3" eb="6">
      <t>ネンドマツ</t>
    </rPh>
    <phoneticPr fontId="2"/>
  </si>
  <si>
    <t>令和４年度</t>
    <rPh sb="0" eb="2">
      <t>レイワ</t>
    </rPh>
    <rPh sb="3" eb="5">
      <t>ネンド</t>
    </rPh>
    <phoneticPr fontId="1"/>
  </si>
  <si>
    <t>令和４年度末</t>
    <rPh sb="0" eb="2">
      <t>レイワ</t>
    </rPh>
    <rPh sb="3" eb="6">
      <t>ネンドマツ</t>
    </rPh>
    <rPh sb="5" eb="6">
      <t>マ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4" xfId="0" quotePrefix="1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0" fontId="3" fillId="0" borderId="6" xfId="0" applyFont="1" applyBorder="1" applyAlignment="1">
      <alignment horizontal="center" vertical="center"/>
    </xf>
    <xf numFmtId="176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5" xfId="0" applyNumberFormat="1" applyFont="1" applyBorder="1" applyAlignment="1">
      <alignment vertical="center" shrinkToFit="1"/>
    </xf>
    <xf numFmtId="176" fontId="3" fillId="0" borderId="6" xfId="0" applyNumberFormat="1" applyFont="1" applyBorder="1" applyAlignment="1">
      <alignment vertical="center" shrinkToFit="1"/>
    </xf>
    <xf numFmtId="176" fontId="3" fillId="0" borderId="7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8" xfId="0" applyFont="1" applyBorder="1" applyAlignment="1">
      <alignment horizontal="center" vertical="center"/>
    </xf>
    <xf numFmtId="176" fontId="3" fillId="0" borderId="8" xfId="0" applyNumberFormat="1" applyFont="1" applyBorder="1" applyAlignment="1">
      <alignment vertical="center" shrinkToFit="1"/>
    </xf>
    <xf numFmtId="0" fontId="3" fillId="0" borderId="8" xfId="0" applyFont="1" applyFill="1" applyBorder="1" applyAlignment="1">
      <alignment horizontal="center" vertical="center"/>
    </xf>
    <xf numFmtId="176" fontId="3" fillId="0" borderId="8" xfId="0" applyNumberFormat="1" applyFont="1" applyFill="1" applyBorder="1" applyAlignment="1">
      <alignment vertical="center" shrinkToFit="1"/>
    </xf>
    <xf numFmtId="0" fontId="3" fillId="0" borderId="3" xfId="0" applyNumberFormat="1" applyFont="1" applyFill="1" applyBorder="1" applyAlignment="1">
      <alignment horizontal="center" vertical="center" shrinkToFit="1"/>
    </xf>
    <xf numFmtId="0" fontId="3" fillId="0" borderId="4" xfId="0" applyNumberFormat="1" applyFont="1" applyFill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G39"/>
  <sheetViews>
    <sheetView tabSelected="1" topLeftCell="A22" zoomScaleNormal="100" zoomScaleSheetLayoutView="100" workbookViewId="0">
      <selection activeCell="J26" sqref="J26"/>
    </sheetView>
  </sheetViews>
  <sheetFormatPr defaultColWidth="9.19921875" defaultRowHeight="10.8"/>
  <cols>
    <col min="1" max="1" width="14.09765625" style="13" customWidth="1"/>
    <col min="2" max="16384" width="9.19921875" style="8"/>
  </cols>
  <sheetData>
    <row r="1" spans="1:7" s="3" customFormat="1" ht="17.25" customHeight="1">
      <c r="A1" s="1"/>
      <c r="B1" s="1"/>
      <c r="C1" s="2" t="s">
        <v>61</v>
      </c>
      <c r="D1" s="2"/>
      <c r="E1" s="2"/>
      <c r="F1" s="2"/>
      <c r="G1" s="1"/>
    </row>
    <row r="2" spans="1:7" s="3" customFormat="1" ht="17.25" customHeight="1">
      <c r="A2" s="4"/>
      <c r="B2" s="4" t="s">
        <v>57</v>
      </c>
      <c r="C2" s="4"/>
      <c r="D2" s="4"/>
      <c r="E2" s="4" t="s">
        <v>0</v>
      </c>
      <c r="F2" s="4"/>
      <c r="G2" s="4" t="s">
        <v>62</v>
      </c>
    </row>
    <row r="3" spans="1:7" s="3" customFormat="1" ht="17.25" customHeight="1">
      <c r="A3" s="4"/>
      <c r="B3" s="4" t="s">
        <v>10</v>
      </c>
      <c r="C3" s="4" t="s">
        <v>1</v>
      </c>
      <c r="D3" s="4" t="s">
        <v>7</v>
      </c>
      <c r="E3" s="4" t="s">
        <v>8</v>
      </c>
      <c r="F3" s="4" t="s">
        <v>9</v>
      </c>
      <c r="G3" s="4" t="s">
        <v>10</v>
      </c>
    </row>
    <row r="4" spans="1:7" s="3" customFormat="1" ht="17.25" customHeight="1">
      <c r="A4" s="4"/>
      <c r="B4" s="4"/>
      <c r="C4" s="4"/>
      <c r="D4" s="4"/>
      <c r="E4" s="4" t="s">
        <v>11</v>
      </c>
      <c r="F4" s="4"/>
      <c r="G4" s="4" t="s">
        <v>5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6</v>
      </c>
      <c r="F5" s="5" t="s">
        <v>12</v>
      </c>
      <c r="G5" s="6" t="s">
        <v>13</v>
      </c>
    </row>
    <row r="6" spans="1:7" ht="17.25" customHeight="1">
      <c r="A6" s="7" t="s">
        <v>33</v>
      </c>
      <c r="B6" s="14">
        <v>49657739</v>
      </c>
      <c r="C6" s="14">
        <v>15864374</v>
      </c>
      <c r="D6" s="14">
        <v>21317079</v>
      </c>
      <c r="E6" s="14">
        <v>5622729</v>
      </c>
      <c r="F6" s="14">
        <v>-2</v>
      </c>
      <c r="G6" s="14">
        <v>49827761</v>
      </c>
    </row>
    <row r="7" spans="1:7" s="10" customFormat="1" ht="17.25" customHeight="1">
      <c r="A7" s="9" t="s">
        <v>34</v>
      </c>
      <c r="B7" s="15">
        <v>33338700</v>
      </c>
      <c r="C7" s="15">
        <v>2575021</v>
      </c>
      <c r="D7" s="15">
        <v>4531009</v>
      </c>
      <c r="E7" s="15">
        <v>3001942</v>
      </c>
      <c r="F7" s="15">
        <v>1</v>
      </c>
      <c r="G7" s="15">
        <v>34384655</v>
      </c>
    </row>
    <row r="8" spans="1:7" ht="17.25" customHeight="1">
      <c r="A8" s="18" t="s">
        <v>35</v>
      </c>
      <c r="B8" s="19">
        <v>24065272</v>
      </c>
      <c r="C8" s="19">
        <v>11928338</v>
      </c>
      <c r="D8" s="19">
        <v>8413287</v>
      </c>
      <c r="E8" s="19">
        <v>12400000</v>
      </c>
      <c r="F8" s="19">
        <v>0</v>
      </c>
      <c r="G8" s="19">
        <v>39980323</v>
      </c>
    </row>
    <row r="9" spans="1:7" ht="17.25" customHeight="1">
      <c r="A9" s="9" t="s">
        <v>36</v>
      </c>
      <c r="B9" s="15">
        <v>15517776</v>
      </c>
      <c r="C9" s="15">
        <v>2879738</v>
      </c>
      <c r="D9" s="15">
        <v>4073681</v>
      </c>
      <c r="E9" s="15">
        <v>4130000</v>
      </c>
      <c r="F9" s="15">
        <v>0</v>
      </c>
      <c r="G9" s="15">
        <v>18453833</v>
      </c>
    </row>
    <row r="10" spans="1:7" s="10" customFormat="1" ht="17.25" customHeight="1">
      <c r="A10" s="9" t="s">
        <v>37</v>
      </c>
      <c r="B10" s="15">
        <v>16391619</v>
      </c>
      <c r="C10" s="15">
        <v>2390202</v>
      </c>
      <c r="D10" s="15">
        <v>2512733</v>
      </c>
      <c r="E10" s="15">
        <v>0</v>
      </c>
      <c r="F10" s="15">
        <v>0</v>
      </c>
      <c r="G10" s="15">
        <v>16269088</v>
      </c>
    </row>
    <row r="11" spans="1:7" s="10" customFormat="1" ht="17.25" customHeight="1">
      <c r="A11" s="9" t="s">
        <v>24</v>
      </c>
      <c r="B11" s="15">
        <v>12235148</v>
      </c>
      <c r="C11" s="15">
        <v>2977861</v>
      </c>
      <c r="D11" s="15">
        <v>117940</v>
      </c>
      <c r="E11" s="15">
        <v>0</v>
      </c>
      <c r="F11" s="15">
        <v>0</v>
      </c>
      <c r="G11" s="15">
        <v>15095069</v>
      </c>
    </row>
    <row r="12" spans="1:7" s="10" customFormat="1" ht="17.25" customHeight="1">
      <c r="A12" s="9" t="s">
        <v>38</v>
      </c>
      <c r="B12" s="15">
        <v>20015166</v>
      </c>
      <c r="C12" s="15">
        <v>7590166</v>
      </c>
      <c r="D12" s="15">
        <v>5349102</v>
      </c>
      <c r="E12" s="15">
        <v>0</v>
      </c>
      <c r="F12" s="15">
        <v>1065</v>
      </c>
      <c r="G12" s="15">
        <v>22257295</v>
      </c>
    </row>
    <row r="13" spans="1:7" s="10" customFormat="1" ht="17.25" customHeight="1">
      <c r="A13" s="9" t="s">
        <v>39</v>
      </c>
      <c r="B13" s="15">
        <v>8624082</v>
      </c>
      <c r="C13" s="15">
        <v>2379924</v>
      </c>
      <c r="D13" s="15">
        <v>2018192</v>
      </c>
      <c r="E13" s="15">
        <v>0</v>
      </c>
      <c r="F13" s="15">
        <v>0</v>
      </c>
      <c r="G13" s="15">
        <v>8985814</v>
      </c>
    </row>
    <row r="14" spans="1:7" s="10" customFormat="1" ht="17.25" customHeight="1">
      <c r="A14" s="9" t="s">
        <v>23</v>
      </c>
      <c r="B14" s="15">
        <v>10948884</v>
      </c>
      <c r="C14" s="15">
        <v>6141386</v>
      </c>
      <c r="D14" s="15">
        <v>3529014</v>
      </c>
      <c r="E14" s="15">
        <v>0</v>
      </c>
      <c r="F14" s="15">
        <v>0</v>
      </c>
      <c r="G14" s="15">
        <v>13561256</v>
      </c>
    </row>
    <row r="15" spans="1:7" s="10" customFormat="1" ht="17.25" customHeight="1">
      <c r="A15" s="9" t="s">
        <v>40</v>
      </c>
      <c r="B15" s="15">
        <v>4524571</v>
      </c>
      <c r="C15" s="15">
        <v>1636982</v>
      </c>
      <c r="D15" s="15">
        <v>830414</v>
      </c>
      <c r="E15" s="15">
        <v>0</v>
      </c>
      <c r="F15" s="15">
        <v>0</v>
      </c>
      <c r="G15" s="15">
        <v>5331139</v>
      </c>
    </row>
    <row r="16" spans="1:7" s="10" customFormat="1" ht="17.25" customHeight="1">
      <c r="A16" s="9" t="s">
        <v>41</v>
      </c>
      <c r="B16" s="15">
        <v>3516055</v>
      </c>
      <c r="C16" s="15">
        <v>1180619</v>
      </c>
      <c r="D16" s="15">
        <v>774997</v>
      </c>
      <c r="E16" s="15">
        <v>448303</v>
      </c>
      <c r="F16" s="15">
        <v>1</v>
      </c>
      <c r="G16" s="15">
        <v>4369981</v>
      </c>
    </row>
    <row r="17" spans="1:7" s="10" customFormat="1" ht="17.25" customHeight="1">
      <c r="A17" s="9" t="s">
        <v>42</v>
      </c>
      <c r="B17" s="15">
        <v>4800752</v>
      </c>
      <c r="C17" s="15">
        <v>469080</v>
      </c>
      <c r="D17" s="15">
        <v>1006169</v>
      </c>
      <c r="E17" s="15">
        <v>1500000</v>
      </c>
      <c r="F17" s="15">
        <v>2</v>
      </c>
      <c r="G17" s="15">
        <v>5763665</v>
      </c>
    </row>
    <row r="18" spans="1:7" s="10" customFormat="1" ht="17.25" customHeight="1">
      <c r="A18" s="9" t="s">
        <v>43</v>
      </c>
      <c r="B18" s="15">
        <v>25091778</v>
      </c>
      <c r="C18" s="15">
        <v>7294165</v>
      </c>
      <c r="D18" s="15">
        <v>4031132</v>
      </c>
      <c r="E18" s="15">
        <v>0</v>
      </c>
      <c r="F18" s="15">
        <v>0</v>
      </c>
      <c r="G18" s="15">
        <v>28354811</v>
      </c>
    </row>
    <row r="19" spans="1:7" s="10" customFormat="1" ht="17.25" customHeight="1">
      <c r="A19" s="9" t="s">
        <v>44</v>
      </c>
      <c r="B19" s="15">
        <v>6669487</v>
      </c>
      <c r="C19" s="15">
        <v>71345</v>
      </c>
      <c r="D19" s="15">
        <v>1358235</v>
      </c>
      <c r="E19" s="15">
        <v>2800000</v>
      </c>
      <c r="F19" s="15">
        <v>0</v>
      </c>
      <c r="G19" s="15">
        <v>8182597</v>
      </c>
    </row>
    <row r="20" spans="1:7" s="10" customFormat="1" ht="17.25" customHeight="1">
      <c r="A20" s="9" t="s">
        <v>45</v>
      </c>
      <c r="B20" s="15">
        <v>2362152</v>
      </c>
      <c r="C20" s="15">
        <v>691790</v>
      </c>
      <c r="D20" s="15">
        <v>101620</v>
      </c>
      <c r="E20" s="15">
        <v>0</v>
      </c>
      <c r="F20" s="15">
        <v>0</v>
      </c>
      <c r="G20" s="15">
        <v>2952322</v>
      </c>
    </row>
    <row r="21" spans="1:7" s="10" customFormat="1" ht="17.25" customHeight="1">
      <c r="A21" s="9" t="s">
        <v>46</v>
      </c>
      <c r="B21" s="15">
        <v>7746073</v>
      </c>
      <c r="C21" s="15">
        <v>3394745</v>
      </c>
      <c r="D21" s="15">
        <v>2548450</v>
      </c>
      <c r="E21" s="15">
        <v>0</v>
      </c>
      <c r="F21" s="15">
        <v>0</v>
      </c>
      <c r="G21" s="15">
        <v>8592368</v>
      </c>
    </row>
    <row r="22" spans="1:7" s="10" customFormat="1" ht="17.25" customHeight="1">
      <c r="A22" s="9" t="s">
        <v>47</v>
      </c>
      <c r="B22" s="15">
        <v>4904193</v>
      </c>
      <c r="C22" s="15">
        <v>2249156</v>
      </c>
      <c r="D22" s="15">
        <v>3330462</v>
      </c>
      <c r="E22" s="15">
        <v>0</v>
      </c>
      <c r="F22" s="15">
        <v>0</v>
      </c>
      <c r="G22" s="15">
        <v>3822887</v>
      </c>
    </row>
    <row r="23" spans="1:7" s="10" customFormat="1" ht="17.25" customHeight="1">
      <c r="A23" s="9" t="s">
        <v>25</v>
      </c>
      <c r="B23" s="15">
        <v>6417104</v>
      </c>
      <c r="C23" s="15">
        <v>1898647</v>
      </c>
      <c r="D23" s="15">
        <v>1242396</v>
      </c>
      <c r="E23" s="15">
        <v>0</v>
      </c>
      <c r="F23" s="15">
        <v>0</v>
      </c>
      <c r="G23" s="15">
        <v>7073355</v>
      </c>
    </row>
    <row r="24" spans="1:7" ht="17.25" customHeight="1">
      <c r="A24" s="18" t="s">
        <v>48</v>
      </c>
      <c r="B24" s="19">
        <v>5399103</v>
      </c>
      <c r="C24" s="19">
        <v>1412100</v>
      </c>
      <c r="D24" s="19">
        <v>285675</v>
      </c>
      <c r="E24" s="19">
        <v>0</v>
      </c>
      <c r="F24" s="19">
        <v>-1</v>
      </c>
      <c r="G24" s="19">
        <v>6525527</v>
      </c>
    </row>
    <row r="25" spans="1:7" ht="17.25" customHeight="1">
      <c r="A25" s="9" t="s">
        <v>49</v>
      </c>
      <c r="B25" s="15">
        <v>3055020</v>
      </c>
      <c r="C25" s="15">
        <v>1183905</v>
      </c>
      <c r="D25" s="15">
        <v>605655</v>
      </c>
      <c r="E25" s="15">
        <v>0</v>
      </c>
      <c r="F25" s="15">
        <v>0</v>
      </c>
      <c r="G25" s="15">
        <v>3633270</v>
      </c>
    </row>
    <row r="26" spans="1:7" s="10" customFormat="1" ht="17.25" customHeight="1">
      <c r="A26" s="9" t="s">
        <v>50</v>
      </c>
      <c r="B26" s="15">
        <v>3908770</v>
      </c>
      <c r="C26" s="15">
        <v>1677714</v>
      </c>
      <c r="D26" s="15">
        <v>977466</v>
      </c>
      <c r="E26" s="15">
        <v>0</v>
      </c>
      <c r="F26" s="15">
        <v>0</v>
      </c>
      <c r="G26" s="15">
        <v>4609018</v>
      </c>
    </row>
    <row r="27" spans="1:7" s="10" customFormat="1" ht="17.25" customHeight="1">
      <c r="A27" s="9" t="s">
        <v>51</v>
      </c>
      <c r="B27" s="15">
        <v>4073516</v>
      </c>
      <c r="C27" s="15">
        <v>986504</v>
      </c>
      <c r="D27" s="15">
        <v>676932</v>
      </c>
      <c r="E27" s="15">
        <v>0</v>
      </c>
      <c r="F27" s="15">
        <v>0</v>
      </c>
      <c r="G27" s="15">
        <v>4383088</v>
      </c>
    </row>
    <row r="28" spans="1:7" s="10" customFormat="1" ht="17.25" customHeight="1">
      <c r="A28" s="9" t="s">
        <v>52</v>
      </c>
      <c r="B28" s="15">
        <v>2295408</v>
      </c>
      <c r="C28" s="15">
        <v>412152</v>
      </c>
      <c r="D28" s="15">
        <v>283020</v>
      </c>
      <c r="E28" s="15">
        <v>0</v>
      </c>
      <c r="F28" s="15">
        <v>0</v>
      </c>
      <c r="G28" s="15">
        <v>2424540</v>
      </c>
    </row>
    <row r="29" spans="1:7" s="10" customFormat="1" ht="17.25" customHeight="1">
      <c r="A29" s="9" t="s">
        <v>53</v>
      </c>
      <c r="B29" s="15">
        <v>2535896</v>
      </c>
      <c r="C29" s="15">
        <v>185386</v>
      </c>
      <c r="D29" s="15">
        <v>0</v>
      </c>
      <c r="E29" s="15">
        <v>70000</v>
      </c>
      <c r="F29" s="15">
        <v>0</v>
      </c>
      <c r="G29" s="15">
        <v>2791282</v>
      </c>
    </row>
    <row r="30" spans="1:7" s="10" customFormat="1" ht="17.25" customHeight="1">
      <c r="A30" s="9" t="s">
        <v>54</v>
      </c>
      <c r="B30" s="15">
        <v>1643432</v>
      </c>
      <c r="C30" s="15">
        <v>103155</v>
      </c>
      <c r="D30" s="15">
        <v>0</v>
      </c>
      <c r="E30" s="15">
        <v>0</v>
      </c>
      <c r="F30" s="15">
        <v>0</v>
      </c>
      <c r="G30" s="15">
        <v>1746587</v>
      </c>
    </row>
    <row r="31" spans="1:7" s="10" customFormat="1" ht="17.25" customHeight="1">
      <c r="A31" s="9" t="s">
        <v>55</v>
      </c>
      <c r="B31" s="15">
        <v>1593743</v>
      </c>
      <c r="C31" s="15">
        <v>360809</v>
      </c>
      <c r="D31" s="15">
        <v>160180</v>
      </c>
      <c r="E31" s="15">
        <v>200000</v>
      </c>
      <c r="F31" s="15">
        <v>1</v>
      </c>
      <c r="G31" s="15">
        <v>1994373</v>
      </c>
    </row>
    <row r="32" spans="1:7" s="10" customFormat="1" ht="17.25" customHeight="1">
      <c r="A32" s="9" t="s">
        <v>56</v>
      </c>
      <c r="B32" s="15">
        <v>2209839</v>
      </c>
      <c r="C32" s="15">
        <v>665861</v>
      </c>
      <c r="D32" s="15">
        <v>201611</v>
      </c>
      <c r="E32" s="15">
        <v>0</v>
      </c>
      <c r="F32" s="15">
        <v>0</v>
      </c>
      <c r="G32" s="15">
        <v>2674089</v>
      </c>
    </row>
    <row r="33" spans="1:7" s="10" customFormat="1" ht="17.25" customHeight="1">
      <c r="A33" s="9" t="s">
        <v>26</v>
      </c>
      <c r="B33" s="15">
        <v>1940747</v>
      </c>
      <c r="C33" s="15">
        <v>106202</v>
      </c>
      <c r="D33" s="15">
        <v>217450</v>
      </c>
      <c r="E33" s="15">
        <v>0</v>
      </c>
      <c r="F33" s="15">
        <v>0</v>
      </c>
      <c r="G33" s="15">
        <v>1829499</v>
      </c>
    </row>
    <row r="34" spans="1:7" s="10" customFormat="1" ht="17.25" customHeight="1">
      <c r="A34" s="9" t="s">
        <v>27</v>
      </c>
      <c r="B34" s="15">
        <v>2296189</v>
      </c>
      <c r="C34" s="15">
        <v>947596</v>
      </c>
      <c r="D34" s="15">
        <v>530122</v>
      </c>
      <c r="E34" s="15">
        <v>0</v>
      </c>
      <c r="F34" s="15">
        <v>0</v>
      </c>
      <c r="G34" s="15">
        <v>2713663</v>
      </c>
    </row>
    <row r="35" spans="1:7" s="10" customFormat="1" ht="17.25" customHeight="1">
      <c r="A35" s="9" t="s">
        <v>28</v>
      </c>
      <c r="B35" s="15">
        <v>550456</v>
      </c>
      <c r="C35" s="15">
        <v>331388</v>
      </c>
      <c r="D35" s="15">
        <v>121754</v>
      </c>
      <c r="E35" s="15">
        <v>0</v>
      </c>
      <c r="F35" s="15">
        <v>0</v>
      </c>
      <c r="G35" s="15">
        <v>760090</v>
      </c>
    </row>
    <row r="36" spans="1:7" s="10" customFormat="1" ht="17.25" customHeight="1">
      <c r="A36" s="9" t="s">
        <v>29</v>
      </c>
      <c r="B36" s="15">
        <v>2082110</v>
      </c>
      <c r="C36" s="15">
        <v>851222</v>
      </c>
      <c r="D36" s="15">
        <v>564666</v>
      </c>
      <c r="E36" s="15">
        <v>0</v>
      </c>
      <c r="F36" s="15">
        <v>0</v>
      </c>
      <c r="G36" s="15">
        <v>2368666</v>
      </c>
    </row>
    <row r="37" spans="1:7" s="10" customFormat="1" ht="17.25" customHeight="1">
      <c r="A37" s="9" t="s">
        <v>30</v>
      </c>
      <c r="B37" s="15">
        <v>2708532</v>
      </c>
      <c r="C37" s="15">
        <v>320298</v>
      </c>
      <c r="D37" s="15">
        <v>62115</v>
      </c>
      <c r="E37" s="15">
        <v>0</v>
      </c>
      <c r="F37" s="15">
        <v>0</v>
      </c>
      <c r="G37" s="15">
        <v>2966715</v>
      </c>
    </row>
    <row r="38" spans="1:7" ht="17.25" customHeight="1">
      <c r="A38" s="11" t="s">
        <v>31</v>
      </c>
      <c r="B38" s="16">
        <v>2584741</v>
      </c>
      <c r="C38" s="16">
        <v>124262</v>
      </c>
      <c r="D38" s="16">
        <v>14866</v>
      </c>
      <c r="E38" s="16">
        <v>0</v>
      </c>
      <c r="F38" s="16">
        <v>0</v>
      </c>
      <c r="G38" s="16">
        <v>2694137</v>
      </c>
    </row>
    <row r="39" spans="1:7" ht="17.25" customHeight="1">
      <c r="A39" s="12" t="s">
        <v>32</v>
      </c>
      <c r="B39" s="17">
        <f>SUM(B6:B38)</f>
        <v>295704053</v>
      </c>
      <c r="C39" s="17">
        <f t="shared" ref="C39:G39" si="0">SUM(C6:C38)</f>
        <v>83282093</v>
      </c>
      <c r="D39" s="17">
        <f t="shared" si="0"/>
        <v>71787424</v>
      </c>
      <c r="E39" s="17">
        <f t="shared" si="0"/>
        <v>30172974</v>
      </c>
      <c r="F39" s="17">
        <f t="shared" si="0"/>
        <v>1067</v>
      </c>
      <c r="G39" s="17">
        <f t="shared" si="0"/>
        <v>337372763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４年度市町村普通会計決算状況
　（５）ア　積立金現在高（合計）［&amp;P/&amp;N］&amp;R&amp;"ＭＳ ゴシック,標準"&amp;10
（単位：千円）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G39"/>
  <sheetViews>
    <sheetView topLeftCell="A14" zoomScaleNormal="100" zoomScaleSheetLayoutView="100" workbookViewId="0">
      <selection activeCell="L32" sqref="L32"/>
    </sheetView>
  </sheetViews>
  <sheetFormatPr defaultColWidth="9.19921875" defaultRowHeight="10.8"/>
  <cols>
    <col min="1" max="1" width="14.09765625" style="13" customWidth="1"/>
    <col min="2" max="16384" width="9.199218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60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14</v>
      </c>
      <c r="C3" s="4" t="s">
        <v>1</v>
      </c>
      <c r="D3" s="4" t="s">
        <v>15</v>
      </c>
      <c r="E3" s="4" t="s">
        <v>16</v>
      </c>
      <c r="F3" s="4" t="s">
        <v>17</v>
      </c>
      <c r="G3" s="4" t="s">
        <v>14</v>
      </c>
    </row>
    <row r="4" spans="1:7" s="3" customFormat="1" ht="17.25" customHeight="1">
      <c r="A4" s="4"/>
      <c r="B4" s="4"/>
      <c r="C4" s="4"/>
      <c r="D4" s="4"/>
      <c r="E4" s="4" t="s">
        <v>18</v>
      </c>
      <c r="F4" s="4"/>
      <c r="G4" s="4" t="s">
        <v>19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20</v>
      </c>
      <c r="F5" s="5" t="s">
        <v>21</v>
      </c>
      <c r="G5" s="6" t="s">
        <v>22</v>
      </c>
    </row>
    <row r="6" spans="1:7" ht="17.25" customHeight="1">
      <c r="A6" s="7" t="s">
        <v>33</v>
      </c>
      <c r="B6" s="14">
        <v>31319498</v>
      </c>
      <c r="C6" s="14">
        <v>12006087</v>
      </c>
      <c r="D6" s="14">
        <v>17596000</v>
      </c>
      <c r="E6" s="14">
        <v>5622729</v>
      </c>
      <c r="F6" s="14">
        <v>0</v>
      </c>
      <c r="G6" s="14">
        <v>31352314</v>
      </c>
    </row>
    <row r="7" spans="1:7" s="10" customFormat="1" ht="17.25" customHeight="1">
      <c r="A7" s="9" t="s">
        <v>34</v>
      </c>
      <c r="B7" s="15">
        <v>7510593</v>
      </c>
      <c r="C7" s="15">
        <v>52488</v>
      </c>
      <c r="D7" s="15">
        <v>1748044</v>
      </c>
      <c r="E7" s="15">
        <v>3001942</v>
      </c>
      <c r="F7" s="15">
        <v>0</v>
      </c>
      <c r="G7" s="15">
        <v>8816979</v>
      </c>
    </row>
    <row r="8" spans="1:7" ht="17.25" customHeight="1">
      <c r="A8" s="18" t="s">
        <v>35</v>
      </c>
      <c r="B8" s="19">
        <v>16034140</v>
      </c>
      <c r="C8" s="19">
        <v>16495</v>
      </c>
      <c r="D8" s="19">
        <v>7610000</v>
      </c>
      <c r="E8" s="19">
        <v>12400000</v>
      </c>
      <c r="F8" s="19">
        <v>0</v>
      </c>
      <c r="G8" s="19">
        <v>20840635</v>
      </c>
    </row>
    <row r="9" spans="1:7" ht="17.25" customHeight="1">
      <c r="A9" s="9" t="s">
        <v>36</v>
      </c>
      <c r="B9" s="15">
        <v>9061578</v>
      </c>
      <c r="C9" s="15">
        <v>137</v>
      </c>
      <c r="D9" s="15">
        <v>2311375</v>
      </c>
      <c r="E9" s="15">
        <v>4130000</v>
      </c>
      <c r="F9" s="15">
        <v>0</v>
      </c>
      <c r="G9" s="15">
        <v>10880340</v>
      </c>
    </row>
    <row r="10" spans="1:7" s="10" customFormat="1" ht="17.25" customHeight="1">
      <c r="A10" s="9" t="s">
        <v>37</v>
      </c>
      <c r="B10" s="15">
        <v>7741537</v>
      </c>
      <c r="C10" s="15">
        <v>95604</v>
      </c>
      <c r="D10" s="15">
        <v>704520</v>
      </c>
      <c r="E10" s="15">
        <v>0</v>
      </c>
      <c r="F10" s="15">
        <v>0</v>
      </c>
      <c r="G10" s="15">
        <v>7132621</v>
      </c>
    </row>
    <row r="11" spans="1:7" s="10" customFormat="1" ht="17.25" customHeight="1">
      <c r="A11" s="9" t="s">
        <v>24</v>
      </c>
      <c r="B11" s="15">
        <v>6049185</v>
      </c>
      <c r="C11" s="15">
        <v>2107322</v>
      </c>
      <c r="D11" s="15">
        <v>0</v>
      </c>
      <c r="E11" s="15">
        <v>0</v>
      </c>
      <c r="F11" s="15">
        <v>0</v>
      </c>
      <c r="G11" s="15">
        <v>8156507</v>
      </c>
    </row>
    <row r="12" spans="1:7" s="10" customFormat="1" ht="17.25" customHeight="1">
      <c r="A12" s="9" t="s">
        <v>38</v>
      </c>
      <c r="B12" s="15">
        <v>12360286</v>
      </c>
      <c r="C12" s="15">
        <v>3477211</v>
      </c>
      <c r="D12" s="15">
        <v>3000000</v>
      </c>
      <c r="E12" s="15">
        <v>0</v>
      </c>
      <c r="F12" s="15">
        <v>0</v>
      </c>
      <c r="G12" s="15">
        <v>12837497</v>
      </c>
    </row>
    <row r="13" spans="1:7" s="10" customFormat="1" ht="17.25" customHeight="1">
      <c r="A13" s="9" t="s">
        <v>39</v>
      </c>
      <c r="B13" s="15">
        <v>5613099</v>
      </c>
      <c r="C13" s="15">
        <v>2363335</v>
      </c>
      <c r="D13" s="15">
        <v>1900000</v>
      </c>
      <c r="E13" s="15">
        <v>0</v>
      </c>
      <c r="F13" s="15">
        <v>0</v>
      </c>
      <c r="G13" s="15">
        <v>6076434</v>
      </c>
    </row>
    <row r="14" spans="1:7" s="10" customFormat="1" ht="17.25" customHeight="1">
      <c r="A14" s="9" t="s">
        <v>23</v>
      </c>
      <c r="B14" s="15">
        <v>8264411</v>
      </c>
      <c r="C14" s="15">
        <v>493</v>
      </c>
      <c r="D14" s="15">
        <v>3000000</v>
      </c>
      <c r="E14" s="15">
        <v>0</v>
      </c>
      <c r="F14" s="15">
        <v>0</v>
      </c>
      <c r="G14" s="15">
        <v>5264904</v>
      </c>
    </row>
    <row r="15" spans="1:7" s="10" customFormat="1" ht="17.25" customHeight="1">
      <c r="A15" s="9" t="s">
        <v>40</v>
      </c>
      <c r="B15" s="15">
        <v>2370631</v>
      </c>
      <c r="C15" s="15">
        <v>1337548</v>
      </c>
      <c r="D15" s="15">
        <v>670000</v>
      </c>
      <c r="E15" s="15">
        <v>0</v>
      </c>
      <c r="F15" s="15">
        <v>0</v>
      </c>
      <c r="G15" s="15">
        <v>3038179</v>
      </c>
    </row>
    <row r="16" spans="1:7" s="10" customFormat="1" ht="17.25" customHeight="1">
      <c r="A16" s="9" t="s">
        <v>41</v>
      </c>
      <c r="B16" s="15">
        <v>1146941</v>
      </c>
      <c r="C16" s="15">
        <v>16</v>
      </c>
      <c r="D16" s="15">
        <v>575344</v>
      </c>
      <c r="E16" s="15">
        <v>448303</v>
      </c>
      <c r="F16" s="15">
        <v>0</v>
      </c>
      <c r="G16" s="15">
        <v>1019916</v>
      </c>
    </row>
    <row r="17" spans="1:7" s="10" customFormat="1" ht="17.25" customHeight="1">
      <c r="A17" s="9" t="s">
        <v>42</v>
      </c>
      <c r="B17" s="15">
        <v>3476991</v>
      </c>
      <c r="C17" s="15">
        <v>12669</v>
      </c>
      <c r="D17" s="15">
        <v>640403</v>
      </c>
      <c r="E17" s="15">
        <v>1500000</v>
      </c>
      <c r="F17" s="15">
        <v>0</v>
      </c>
      <c r="G17" s="15">
        <v>4349257</v>
      </c>
    </row>
    <row r="18" spans="1:7" s="10" customFormat="1" ht="17.25" customHeight="1">
      <c r="A18" s="9" t="s">
        <v>43</v>
      </c>
      <c r="B18" s="15">
        <v>15321895</v>
      </c>
      <c r="C18" s="15">
        <v>2849216</v>
      </c>
      <c r="D18" s="15">
        <v>4015170</v>
      </c>
      <c r="E18" s="15">
        <v>0</v>
      </c>
      <c r="F18" s="15">
        <v>0</v>
      </c>
      <c r="G18" s="15">
        <v>14155941</v>
      </c>
    </row>
    <row r="19" spans="1:7" s="10" customFormat="1" ht="17.25" customHeight="1">
      <c r="A19" s="9" t="s">
        <v>44</v>
      </c>
      <c r="B19" s="15">
        <v>5981628</v>
      </c>
      <c r="C19" s="15">
        <v>109</v>
      </c>
      <c r="D19" s="15">
        <v>1281500</v>
      </c>
      <c r="E19" s="15">
        <v>2000000</v>
      </c>
      <c r="F19" s="15">
        <v>0</v>
      </c>
      <c r="G19" s="15">
        <v>6700237</v>
      </c>
    </row>
    <row r="20" spans="1:7" s="10" customFormat="1" ht="17.25" customHeight="1">
      <c r="A20" s="9" t="s">
        <v>45</v>
      </c>
      <c r="B20" s="15">
        <v>1725786</v>
      </c>
      <c r="C20" s="15">
        <v>601453</v>
      </c>
      <c r="D20" s="15">
        <v>0</v>
      </c>
      <c r="E20" s="15">
        <v>0</v>
      </c>
      <c r="F20" s="15">
        <v>0</v>
      </c>
      <c r="G20" s="15">
        <v>2327239</v>
      </c>
    </row>
    <row r="21" spans="1:7" s="10" customFormat="1" ht="17.25" customHeight="1">
      <c r="A21" s="9" t="s">
        <v>46</v>
      </c>
      <c r="B21" s="15">
        <v>2836461</v>
      </c>
      <c r="C21" s="15">
        <v>1293946</v>
      </c>
      <c r="D21" s="15">
        <v>1057869</v>
      </c>
      <c r="E21" s="15">
        <v>0</v>
      </c>
      <c r="F21" s="15">
        <v>0</v>
      </c>
      <c r="G21" s="15">
        <v>3072538</v>
      </c>
    </row>
    <row r="22" spans="1:7" s="10" customFormat="1" ht="17.25" customHeight="1">
      <c r="A22" s="9" t="s">
        <v>47</v>
      </c>
      <c r="B22" s="15">
        <v>3714049</v>
      </c>
      <c r="C22" s="15">
        <v>1897376</v>
      </c>
      <c r="D22" s="15">
        <v>2939732</v>
      </c>
      <c r="E22" s="15">
        <v>0</v>
      </c>
      <c r="F22" s="15">
        <v>0</v>
      </c>
      <c r="G22" s="15">
        <v>2671693</v>
      </c>
    </row>
    <row r="23" spans="1:7" s="10" customFormat="1" ht="17.25" customHeight="1">
      <c r="A23" s="9" t="s">
        <v>25</v>
      </c>
      <c r="B23" s="15">
        <v>2842803</v>
      </c>
      <c r="C23" s="15">
        <v>1097160</v>
      </c>
      <c r="D23" s="15">
        <v>625000</v>
      </c>
      <c r="E23" s="15">
        <v>0</v>
      </c>
      <c r="F23" s="15">
        <v>0</v>
      </c>
      <c r="G23" s="15">
        <v>3314963</v>
      </c>
    </row>
    <row r="24" spans="1:7" ht="17.25" customHeight="1">
      <c r="A24" s="18" t="s">
        <v>48</v>
      </c>
      <c r="B24" s="19">
        <v>3141652</v>
      </c>
      <c r="C24" s="19">
        <v>222</v>
      </c>
      <c r="D24" s="19">
        <v>5000</v>
      </c>
      <c r="E24" s="19">
        <v>0</v>
      </c>
      <c r="F24" s="19">
        <v>0</v>
      </c>
      <c r="G24" s="19">
        <v>3136874</v>
      </c>
    </row>
    <row r="25" spans="1:7" ht="17.25" customHeight="1">
      <c r="A25" s="9" t="s">
        <v>49</v>
      </c>
      <c r="B25" s="15">
        <v>1229411</v>
      </c>
      <c r="C25" s="15">
        <v>540023</v>
      </c>
      <c r="D25" s="15">
        <v>335000</v>
      </c>
      <c r="E25" s="15">
        <v>0</v>
      </c>
      <c r="F25" s="15">
        <v>0</v>
      </c>
      <c r="G25" s="15">
        <v>1434434</v>
      </c>
    </row>
    <row r="26" spans="1:7" s="10" customFormat="1" ht="17.25" customHeight="1">
      <c r="A26" s="9" t="s">
        <v>50</v>
      </c>
      <c r="B26" s="15">
        <v>2540634</v>
      </c>
      <c r="C26" s="15">
        <v>1597555</v>
      </c>
      <c r="D26" s="15">
        <v>949288</v>
      </c>
      <c r="E26" s="15">
        <v>0</v>
      </c>
      <c r="F26" s="15">
        <v>0</v>
      </c>
      <c r="G26" s="15">
        <v>3188901</v>
      </c>
    </row>
    <row r="27" spans="1:7" s="10" customFormat="1" ht="17.25" customHeight="1">
      <c r="A27" s="9" t="s">
        <v>51</v>
      </c>
      <c r="B27" s="15">
        <v>1503791</v>
      </c>
      <c r="C27" s="15">
        <v>418021</v>
      </c>
      <c r="D27" s="15">
        <v>609733</v>
      </c>
      <c r="E27" s="15">
        <v>0</v>
      </c>
      <c r="F27" s="15">
        <v>0</v>
      </c>
      <c r="G27" s="15">
        <v>1312079</v>
      </c>
    </row>
    <row r="28" spans="1:7" s="10" customFormat="1" ht="17.25" customHeight="1">
      <c r="A28" s="9" t="s">
        <v>52</v>
      </c>
      <c r="B28" s="15">
        <v>941932</v>
      </c>
      <c r="C28" s="15">
        <v>270006</v>
      </c>
      <c r="D28" s="15">
        <v>228840</v>
      </c>
      <c r="E28" s="15">
        <v>0</v>
      </c>
      <c r="F28" s="15">
        <v>0</v>
      </c>
      <c r="G28" s="15">
        <v>983098</v>
      </c>
    </row>
    <row r="29" spans="1:7" s="10" customFormat="1" ht="17.25" customHeight="1">
      <c r="A29" s="9" t="s">
        <v>53</v>
      </c>
      <c r="B29" s="15">
        <v>1659462</v>
      </c>
      <c r="C29" s="15">
        <v>100155</v>
      </c>
      <c r="D29" s="15">
        <v>0</v>
      </c>
      <c r="E29" s="15">
        <v>70000</v>
      </c>
      <c r="F29" s="15">
        <v>0</v>
      </c>
      <c r="G29" s="15">
        <v>1829617</v>
      </c>
    </row>
    <row r="30" spans="1:7" s="10" customFormat="1" ht="17.25" customHeight="1">
      <c r="A30" s="9" t="s">
        <v>54</v>
      </c>
      <c r="B30" s="15">
        <v>1393187</v>
      </c>
      <c r="C30" s="15">
        <v>506</v>
      </c>
      <c r="D30" s="15">
        <v>0</v>
      </c>
      <c r="E30" s="15">
        <v>0</v>
      </c>
      <c r="F30" s="15">
        <v>0</v>
      </c>
      <c r="G30" s="15">
        <v>1393693</v>
      </c>
    </row>
    <row r="31" spans="1:7" s="10" customFormat="1" ht="17.25" customHeight="1">
      <c r="A31" s="9" t="s">
        <v>55</v>
      </c>
      <c r="B31" s="15">
        <v>1195717</v>
      </c>
      <c r="C31" s="15">
        <v>100013</v>
      </c>
      <c r="D31" s="15">
        <v>0</v>
      </c>
      <c r="E31" s="15">
        <v>200000</v>
      </c>
      <c r="F31" s="15">
        <v>0</v>
      </c>
      <c r="G31" s="15">
        <v>1495730</v>
      </c>
    </row>
    <row r="32" spans="1:7" s="10" customFormat="1" ht="17.25" customHeight="1">
      <c r="A32" s="9" t="s">
        <v>56</v>
      </c>
      <c r="B32" s="15">
        <v>866436</v>
      </c>
      <c r="C32" s="15">
        <v>203294</v>
      </c>
      <c r="D32" s="15">
        <v>150000</v>
      </c>
      <c r="E32" s="15">
        <v>0</v>
      </c>
      <c r="F32" s="15">
        <v>0</v>
      </c>
      <c r="G32" s="15">
        <v>919730</v>
      </c>
    </row>
    <row r="33" spans="1:7" s="10" customFormat="1" ht="17.25" customHeight="1">
      <c r="A33" s="9" t="s">
        <v>26</v>
      </c>
      <c r="B33" s="15">
        <v>1179888</v>
      </c>
      <c r="C33" s="15">
        <v>65</v>
      </c>
      <c r="D33" s="15">
        <v>200000</v>
      </c>
      <c r="E33" s="15">
        <v>0</v>
      </c>
      <c r="F33" s="15">
        <v>0</v>
      </c>
      <c r="G33" s="15">
        <v>979953</v>
      </c>
    </row>
    <row r="34" spans="1:7" s="10" customFormat="1" ht="17.25" customHeight="1">
      <c r="A34" s="9" t="s">
        <v>27</v>
      </c>
      <c r="B34" s="15">
        <v>1800294</v>
      </c>
      <c r="C34" s="15">
        <v>938156</v>
      </c>
      <c r="D34" s="15">
        <v>522370</v>
      </c>
      <c r="E34" s="15">
        <v>0</v>
      </c>
      <c r="F34" s="15">
        <v>0</v>
      </c>
      <c r="G34" s="15">
        <v>2216080</v>
      </c>
    </row>
    <row r="35" spans="1:7" s="10" customFormat="1" ht="17.25" customHeight="1">
      <c r="A35" s="9" t="s">
        <v>28</v>
      </c>
      <c r="B35" s="15">
        <v>335000</v>
      </c>
      <c r="C35" s="15">
        <v>210000</v>
      </c>
      <c r="D35" s="15">
        <v>100000</v>
      </c>
      <c r="E35" s="15">
        <v>0</v>
      </c>
      <c r="F35" s="15">
        <v>0</v>
      </c>
      <c r="G35" s="15">
        <v>445000</v>
      </c>
    </row>
    <row r="36" spans="1:7" s="10" customFormat="1" ht="17.25" customHeight="1">
      <c r="A36" s="9" t="s">
        <v>29</v>
      </c>
      <c r="B36" s="15">
        <v>905497</v>
      </c>
      <c r="C36" s="15">
        <v>450025</v>
      </c>
      <c r="D36" s="15">
        <v>200000</v>
      </c>
      <c r="E36" s="15">
        <v>0</v>
      </c>
      <c r="F36" s="15">
        <v>0</v>
      </c>
      <c r="G36" s="15">
        <v>1155522</v>
      </c>
    </row>
    <row r="37" spans="1:7" s="10" customFormat="1" ht="17.25" customHeight="1">
      <c r="A37" s="9" t="s">
        <v>30</v>
      </c>
      <c r="B37" s="15">
        <v>1281360</v>
      </c>
      <c r="C37" s="15">
        <v>180849</v>
      </c>
      <c r="D37" s="15">
        <v>28721</v>
      </c>
      <c r="E37" s="15">
        <v>0</v>
      </c>
      <c r="F37" s="15">
        <v>0</v>
      </c>
      <c r="G37" s="15">
        <v>1433488</v>
      </c>
    </row>
    <row r="38" spans="1:7" ht="17.25" customHeight="1">
      <c r="A38" s="18" t="s">
        <v>31</v>
      </c>
      <c r="B38" s="19">
        <v>1402493</v>
      </c>
      <c r="C38" s="19">
        <v>99243</v>
      </c>
      <c r="D38" s="19">
        <v>0</v>
      </c>
      <c r="E38" s="19">
        <v>0</v>
      </c>
      <c r="F38" s="19">
        <v>0</v>
      </c>
      <c r="G38" s="19">
        <v>1501736</v>
      </c>
    </row>
    <row r="39" spans="1:7" ht="17.25" customHeight="1">
      <c r="A39" s="12" t="s">
        <v>32</v>
      </c>
      <c r="B39" s="17">
        <f>SUM(B6:B38)</f>
        <v>164748266</v>
      </c>
      <c r="C39" s="17">
        <f t="shared" ref="C39:G39" si="0">SUM(C6:C38)</f>
        <v>34316798</v>
      </c>
      <c r="D39" s="17">
        <f t="shared" si="0"/>
        <v>53003909</v>
      </c>
      <c r="E39" s="17">
        <f t="shared" si="0"/>
        <v>29372974</v>
      </c>
      <c r="F39" s="17">
        <f t="shared" si="0"/>
        <v>0</v>
      </c>
      <c r="G39" s="17">
        <f t="shared" si="0"/>
        <v>175434129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４年度市町村普通会計決算状況
　（５）イ　積立金現在高（財政調整基金）［&amp;P/&amp;N］&amp;R&amp;"ＭＳ ゴシック,標準"&amp;10
（単位：千円）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G39"/>
  <sheetViews>
    <sheetView topLeftCell="A17" zoomScaleNormal="100" zoomScaleSheetLayoutView="100" workbookViewId="0">
      <selection activeCell="J37" sqref="J37"/>
    </sheetView>
  </sheetViews>
  <sheetFormatPr defaultColWidth="9.19921875" defaultRowHeight="10.8"/>
  <cols>
    <col min="1" max="1" width="14.09765625" style="13" customWidth="1"/>
    <col min="2" max="16384" width="9.199218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57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14</v>
      </c>
      <c r="C3" s="4" t="s">
        <v>1</v>
      </c>
      <c r="D3" s="4" t="s">
        <v>15</v>
      </c>
      <c r="E3" s="4" t="s">
        <v>16</v>
      </c>
      <c r="F3" s="4" t="s">
        <v>17</v>
      </c>
      <c r="G3" s="4" t="s">
        <v>14</v>
      </c>
    </row>
    <row r="4" spans="1:7" s="3" customFormat="1" ht="17.25" customHeight="1">
      <c r="A4" s="4"/>
      <c r="B4" s="4"/>
      <c r="C4" s="4"/>
      <c r="D4" s="4"/>
      <c r="E4" s="4" t="s">
        <v>18</v>
      </c>
      <c r="F4" s="4"/>
      <c r="G4" s="4" t="s">
        <v>19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20</v>
      </c>
      <c r="F5" s="5" t="s">
        <v>21</v>
      </c>
      <c r="G5" s="6" t="s">
        <v>22</v>
      </c>
    </row>
    <row r="6" spans="1:7" ht="17.25" customHeight="1">
      <c r="A6" s="7" t="s">
        <v>33</v>
      </c>
      <c r="B6" s="14">
        <v>0</v>
      </c>
      <c r="C6" s="14">
        <v>398687</v>
      </c>
      <c r="D6" s="14">
        <v>398687</v>
      </c>
      <c r="E6" s="14">
        <v>0</v>
      </c>
      <c r="F6" s="14">
        <v>0</v>
      </c>
      <c r="G6" s="14">
        <v>0</v>
      </c>
    </row>
    <row r="7" spans="1:7" s="10" customFormat="1" ht="17.25" customHeight="1">
      <c r="A7" s="9" t="s">
        <v>34</v>
      </c>
      <c r="B7" s="15">
        <v>1672171</v>
      </c>
      <c r="C7" s="15">
        <v>1051893</v>
      </c>
      <c r="D7" s="15">
        <v>1000000</v>
      </c>
      <c r="E7" s="15">
        <v>0</v>
      </c>
      <c r="F7" s="15">
        <v>0</v>
      </c>
      <c r="G7" s="15">
        <v>1724064</v>
      </c>
    </row>
    <row r="8" spans="1:7" ht="17.25" customHeight="1">
      <c r="A8" s="18" t="s">
        <v>35</v>
      </c>
      <c r="B8" s="19">
        <v>458409</v>
      </c>
      <c r="C8" s="19">
        <v>20494</v>
      </c>
      <c r="D8" s="19">
        <v>0</v>
      </c>
      <c r="E8" s="19">
        <v>0</v>
      </c>
      <c r="F8" s="19">
        <v>0</v>
      </c>
      <c r="G8" s="19">
        <v>478903</v>
      </c>
    </row>
    <row r="9" spans="1:7" ht="17.25" customHeight="1">
      <c r="A9" s="9" t="s">
        <v>36</v>
      </c>
      <c r="B9" s="15">
        <v>2398121</v>
      </c>
      <c r="C9" s="15">
        <v>1248</v>
      </c>
      <c r="D9" s="15">
        <v>0</v>
      </c>
      <c r="E9" s="15">
        <v>0</v>
      </c>
      <c r="F9" s="15">
        <v>0</v>
      </c>
      <c r="G9" s="15">
        <v>2399369</v>
      </c>
    </row>
    <row r="10" spans="1:7" s="10" customFormat="1" ht="17.25" customHeight="1">
      <c r="A10" s="9" t="s">
        <v>37</v>
      </c>
      <c r="B10" s="15">
        <v>0</v>
      </c>
      <c r="C10" s="15">
        <v>0</v>
      </c>
      <c r="D10" s="15">
        <v>0</v>
      </c>
      <c r="E10" s="15">
        <v>0</v>
      </c>
      <c r="F10" s="15">
        <v>0</v>
      </c>
      <c r="G10" s="15">
        <v>0</v>
      </c>
    </row>
    <row r="11" spans="1:7" s="10" customFormat="1" ht="17.25" customHeight="1">
      <c r="A11" s="9" t="s">
        <v>24</v>
      </c>
      <c r="B11" s="15">
        <v>0</v>
      </c>
      <c r="C11" s="15">
        <v>0</v>
      </c>
      <c r="D11" s="15">
        <v>0</v>
      </c>
      <c r="E11" s="15">
        <v>0</v>
      </c>
      <c r="F11" s="15">
        <v>0</v>
      </c>
      <c r="G11" s="15">
        <v>0</v>
      </c>
    </row>
    <row r="12" spans="1:7" s="10" customFormat="1" ht="17.25" customHeight="1">
      <c r="A12" s="9" t="s">
        <v>38</v>
      </c>
      <c r="B12" s="15">
        <v>0</v>
      </c>
      <c r="C12" s="15">
        <v>0</v>
      </c>
      <c r="D12" s="15">
        <v>0</v>
      </c>
      <c r="E12" s="15">
        <v>0</v>
      </c>
      <c r="F12" s="15">
        <v>0</v>
      </c>
      <c r="G12" s="15">
        <v>0</v>
      </c>
    </row>
    <row r="13" spans="1:7" s="10" customFormat="1" ht="17.25" customHeight="1">
      <c r="A13" s="9" t="s">
        <v>39</v>
      </c>
      <c r="B13" s="15">
        <v>0</v>
      </c>
      <c r="C13" s="15">
        <v>0</v>
      </c>
      <c r="D13" s="15">
        <v>0</v>
      </c>
      <c r="E13" s="15">
        <v>0</v>
      </c>
      <c r="F13" s="15">
        <v>0</v>
      </c>
      <c r="G13" s="15">
        <v>0</v>
      </c>
    </row>
    <row r="14" spans="1:7" s="10" customFormat="1" ht="17.25" customHeight="1">
      <c r="A14" s="9" t="s">
        <v>23</v>
      </c>
      <c r="B14" s="15">
        <v>0</v>
      </c>
      <c r="C14" s="15">
        <v>0</v>
      </c>
      <c r="D14" s="15">
        <v>0</v>
      </c>
      <c r="E14" s="15">
        <v>0</v>
      </c>
      <c r="F14" s="15">
        <v>0</v>
      </c>
      <c r="G14" s="15">
        <v>0</v>
      </c>
    </row>
    <row r="15" spans="1:7" s="10" customFormat="1" ht="17.25" customHeight="1">
      <c r="A15" s="9" t="s">
        <v>40</v>
      </c>
      <c r="B15" s="15">
        <v>0</v>
      </c>
      <c r="C15" s="15">
        <v>0</v>
      </c>
      <c r="D15" s="15">
        <v>0</v>
      </c>
      <c r="E15" s="15">
        <v>0</v>
      </c>
      <c r="F15" s="15">
        <v>0</v>
      </c>
      <c r="G15" s="15">
        <v>0</v>
      </c>
    </row>
    <row r="16" spans="1:7" s="10" customFormat="1" ht="17.25" customHeight="1">
      <c r="A16" s="9" t="s">
        <v>41</v>
      </c>
      <c r="B16" s="15">
        <v>201775</v>
      </c>
      <c r="C16" s="15">
        <v>2</v>
      </c>
      <c r="D16" s="15">
        <v>0</v>
      </c>
      <c r="E16" s="15">
        <v>0</v>
      </c>
      <c r="F16" s="15">
        <v>0</v>
      </c>
      <c r="G16" s="15">
        <v>201777</v>
      </c>
    </row>
    <row r="17" spans="1:7" s="10" customFormat="1" ht="17.25" customHeight="1">
      <c r="A17" s="9" t="s">
        <v>42</v>
      </c>
      <c r="B17" s="15">
        <v>0</v>
      </c>
      <c r="C17" s="15">
        <v>0</v>
      </c>
      <c r="D17" s="15">
        <v>0</v>
      </c>
      <c r="E17" s="15">
        <v>0</v>
      </c>
      <c r="F17" s="15">
        <v>0</v>
      </c>
      <c r="G17" s="15">
        <v>0</v>
      </c>
    </row>
    <row r="18" spans="1:7" s="10" customFormat="1" ht="17.25" customHeight="1">
      <c r="A18" s="9" t="s">
        <v>43</v>
      </c>
      <c r="B18" s="15">
        <v>0</v>
      </c>
      <c r="C18" s="15">
        <v>0</v>
      </c>
      <c r="D18" s="15">
        <v>0</v>
      </c>
      <c r="E18" s="15">
        <v>0</v>
      </c>
      <c r="F18" s="15">
        <v>0</v>
      </c>
      <c r="G18" s="15">
        <v>0</v>
      </c>
    </row>
    <row r="19" spans="1:7" s="10" customFormat="1" ht="17.25" customHeight="1">
      <c r="A19" s="9" t="s">
        <v>44</v>
      </c>
      <c r="B19" s="15">
        <v>301692</v>
      </c>
      <c r="C19" s="15">
        <v>13</v>
      </c>
      <c r="D19" s="15">
        <v>0</v>
      </c>
      <c r="E19" s="15">
        <v>800000</v>
      </c>
      <c r="F19" s="15">
        <v>0</v>
      </c>
      <c r="G19" s="15">
        <v>1101705</v>
      </c>
    </row>
    <row r="20" spans="1:7" s="10" customFormat="1" ht="17.25" customHeight="1">
      <c r="A20" s="9" t="s">
        <v>45</v>
      </c>
      <c r="B20" s="15">
        <v>0</v>
      </c>
      <c r="C20" s="15">
        <v>0</v>
      </c>
      <c r="D20" s="15">
        <v>0</v>
      </c>
      <c r="E20" s="15">
        <v>0</v>
      </c>
      <c r="F20" s="15">
        <v>0</v>
      </c>
      <c r="G20" s="15">
        <v>0</v>
      </c>
    </row>
    <row r="21" spans="1:7" s="10" customFormat="1" ht="17.25" customHeight="1">
      <c r="A21" s="9" t="s">
        <v>46</v>
      </c>
      <c r="B21" s="15">
        <v>0</v>
      </c>
      <c r="C21" s="15">
        <v>0</v>
      </c>
      <c r="D21" s="15">
        <v>0</v>
      </c>
      <c r="E21" s="15">
        <v>0</v>
      </c>
      <c r="F21" s="15">
        <v>0</v>
      </c>
      <c r="G21" s="15">
        <v>0</v>
      </c>
    </row>
    <row r="22" spans="1:7" s="10" customFormat="1" ht="17.25" customHeight="1">
      <c r="A22" s="9" t="s">
        <v>47</v>
      </c>
      <c r="B22" s="15">
        <v>0</v>
      </c>
      <c r="C22" s="15">
        <v>0</v>
      </c>
      <c r="D22" s="15">
        <v>0</v>
      </c>
      <c r="E22" s="15">
        <v>0</v>
      </c>
      <c r="F22" s="15">
        <v>0</v>
      </c>
      <c r="G22" s="15">
        <v>0</v>
      </c>
    </row>
    <row r="23" spans="1:7" s="10" customFormat="1" ht="17.25" customHeight="1">
      <c r="A23" s="9" t="s">
        <v>25</v>
      </c>
      <c r="B23" s="15">
        <v>0</v>
      </c>
      <c r="C23" s="15">
        <v>0</v>
      </c>
      <c r="D23" s="15">
        <v>0</v>
      </c>
      <c r="E23" s="15">
        <v>0</v>
      </c>
      <c r="F23" s="15">
        <v>0</v>
      </c>
      <c r="G23" s="15">
        <v>0</v>
      </c>
    </row>
    <row r="24" spans="1:7" ht="17.25" customHeight="1">
      <c r="A24" s="18" t="s">
        <v>48</v>
      </c>
      <c r="B24" s="19">
        <v>0</v>
      </c>
      <c r="C24" s="19">
        <v>0</v>
      </c>
      <c r="D24" s="19">
        <v>0</v>
      </c>
      <c r="E24" s="19">
        <v>0</v>
      </c>
      <c r="F24" s="19">
        <v>0</v>
      </c>
      <c r="G24" s="19">
        <v>0</v>
      </c>
    </row>
    <row r="25" spans="1:7" ht="17.25" customHeight="1">
      <c r="A25" s="9" t="s">
        <v>49</v>
      </c>
      <c r="B25" s="15">
        <v>0</v>
      </c>
      <c r="C25" s="15">
        <v>0</v>
      </c>
      <c r="D25" s="15">
        <v>0</v>
      </c>
      <c r="E25" s="15">
        <v>0</v>
      </c>
      <c r="F25" s="15">
        <v>0</v>
      </c>
      <c r="G25" s="15">
        <v>0</v>
      </c>
    </row>
    <row r="26" spans="1:7" s="10" customFormat="1" ht="17.25" customHeight="1">
      <c r="A26" s="9" t="s">
        <v>50</v>
      </c>
      <c r="B26" s="15">
        <v>45816</v>
      </c>
      <c r="C26" s="15">
        <v>2</v>
      </c>
      <c r="D26" s="15">
        <v>0</v>
      </c>
      <c r="E26" s="15">
        <v>0</v>
      </c>
      <c r="F26" s="15">
        <v>0</v>
      </c>
      <c r="G26" s="15">
        <v>45818</v>
      </c>
    </row>
    <row r="27" spans="1:7" s="10" customFormat="1" ht="17.25" customHeight="1">
      <c r="A27" s="9" t="s">
        <v>51</v>
      </c>
      <c r="B27" s="15">
        <v>410</v>
      </c>
      <c r="C27" s="15">
        <v>0</v>
      </c>
      <c r="D27" s="15">
        <v>0</v>
      </c>
      <c r="E27" s="15">
        <v>0</v>
      </c>
      <c r="F27" s="15">
        <v>0</v>
      </c>
      <c r="G27" s="15">
        <v>410</v>
      </c>
    </row>
    <row r="28" spans="1:7" s="10" customFormat="1" ht="17.25" customHeight="1">
      <c r="A28" s="9" t="s">
        <v>52</v>
      </c>
      <c r="B28" s="15">
        <v>0</v>
      </c>
      <c r="C28" s="15">
        <v>0</v>
      </c>
      <c r="D28" s="15">
        <v>0</v>
      </c>
      <c r="E28" s="15">
        <v>0</v>
      </c>
      <c r="F28" s="15">
        <v>0</v>
      </c>
      <c r="G28" s="15">
        <v>0</v>
      </c>
    </row>
    <row r="29" spans="1:7" s="10" customFormat="1" ht="17.25" customHeight="1">
      <c r="A29" s="9" t="s">
        <v>53</v>
      </c>
      <c r="B29" s="15">
        <v>5870</v>
      </c>
      <c r="C29" s="15">
        <v>0</v>
      </c>
      <c r="D29" s="15">
        <v>0</v>
      </c>
      <c r="E29" s="15">
        <v>0</v>
      </c>
      <c r="F29" s="15">
        <v>0</v>
      </c>
      <c r="G29" s="15">
        <v>5870</v>
      </c>
    </row>
    <row r="30" spans="1:7" s="10" customFormat="1" ht="17.25" customHeight="1">
      <c r="A30" s="9" t="s">
        <v>54</v>
      </c>
      <c r="B30" s="15">
        <v>0</v>
      </c>
      <c r="C30" s="15">
        <v>0</v>
      </c>
      <c r="D30" s="15">
        <v>0</v>
      </c>
      <c r="E30" s="15">
        <v>0</v>
      </c>
      <c r="F30" s="15">
        <v>0</v>
      </c>
      <c r="G30" s="15">
        <v>0</v>
      </c>
    </row>
    <row r="31" spans="1:7" s="10" customFormat="1" ht="17.25" customHeight="1">
      <c r="A31" s="9" t="s">
        <v>55</v>
      </c>
      <c r="B31" s="15">
        <v>785</v>
      </c>
      <c r="C31" s="15">
        <v>0</v>
      </c>
      <c r="D31" s="15">
        <v>0</v>
      </c>
      <c r="E31" s="15">
        <v>0</v>
      </c>
      <c r="F31" s="15">
        <v>0</v>
      </c>
      <c r="G31" s="15">
        <v>785</v>
      </c>
    </row>
    <row r="32" spans="1:7" s="10" customFormat="1" ht="17.25" customHeight="1">
      <c r="A32" s="9" t="s">
        <v>56</v>
      </c>
      <c r="B32" s="15">
        <v>3821</v>
      </c>
      <c r="C32" s="15">
        <v>0</v>
      </c>
      <c r="D32" s="15">
        <v>0</v>
      </c>
      <c r="E32" s="15">
        <v>0</v>
      </c>
      <c r="F32" s="15">
        <v>0</v>
      </c>
      <c r="G32" s="15">
        <v>3821</v>
      </c>
    </row>
    <row r="33" spans="1:7" s="10" customFormat="1" ht="17.25" customHeight="1">
      <c r="A33" s="9" t="s">
        <v>26</v>
      </c>
      <c r="B33" s="15">
        <v>12914</v>
      </c>
      <c r="C33" s="15">
        <v>0</v>
      </c>
      <c r="D33" s="15">
        <v>0</v>
      </c>
      <c r="E33" s="15">
        <v>0</v>
      </c>
      <c r="F33" s="15">
        <v>0</v>
      </c>
      <c r="G33" s="15">
        <v>12914</v>
      </c>
    </row>
    <row r="34" spans="1:7" s="10" customFormat="1" ht="17.25" customHeight="1">
      <c r="A34" s="9" t="s">
        <v>27</v>
      </c>
      <c r="B34" s="15">
        <v>0</v>
      </c>
      <c r="C34" s="15">
        <v>0</v>
      </c>
      <c r="D34" s="15">
        <v>0</v>
      </c>
      <c r="E34" s="15">
        <v>0</v>
      </c>
      <c r="F34" s="15">
        <v>0</v>
      </c>
      <c r="G34" s="15">
        <v>0</v>
      </c>
    </row>
    <row r="35" spans="1:7" s="10" customFormat="1" ht="17.25" customHeight="1">
      <c r="A35" s="9" t="s">
        <v>28</v>
      </c>
      <c r="B35" s="15">
        <v>1</v>
      </c>
      <c r="C35" s="15">
        <v>0</v>
      </c>
      <c r="D35" s="15">
        <v>0</v>
      </c>
      <c r="E35" s="15">
        <v>0</v>
      </c>
      <c r="F35" s="15">
        <v>0</v>
      </c>
      <c r="G35" s="15">
        <v>1</v>
      </c>
    </row>
    <row r="36" spans="1:7" s="10" customFormat="1" ht="17.25" customHeight="1">
      <c r="A36" s="9" t="s">
        <v>29</v>
      </c>
      <c r="B36" s="15">
        <v>2426</v>
      </c>
      <c r="C36" s="15">
        <v>0</v>
      </c>
      <c r="D36" s="15">
        <v>0</v>
      </c>
      <c r="E36" s="15">
        <v>0</v>
      </c>
      <c r="F36" s="15">
        <v>0</v>
      </c>
      <c r="G36" s="15">
        <v>2426</v>
      </c>
    </row>
    <row r="37" spans="1:7" s="10" customFormat="1" ht="17.25" customHeight="1">
      <c r="A37" s="9" t="s">
        <v>30</v>
      </c>
      <c r="B37" s="15">
        <v>0</v>
      </c>
      <c r="C37" s="15">
        <v>0</v>
      </c>
      <c r="D37" s="15">
        <v>0</v>
      </c>
      <c r="E37" s="15">
        <v>0</v>
      </c>
      <c r="F37" s="15">
        <v>0</v>
      </c>
      <c r="G37" s="15">
        <v>0</v>
      </c>
    </row>
    <row r="38" spans="1:7" ht="17.25" customHeight="1">
      <c r="A38" s="11" t="s">
        <v>31</v>
      </c>
      <c r="B38" s="16">
        <v>0</v>
      </c>
      <c r="C38" s="16">
        <v>0</v>
      </c>
      <c r="D38" s="16">
        <v>0</v>
      </c>
      <c r="E38" s="16">
        <v>0</v>
      </c>
      <c r="F38" s="16">
        <v>0</v>
      </c>
      <c r="G38" s="16">
        <v>0</v>
      </c>
    </row>
    <row r="39" spans="1:7" ht="17.25" customHeight="1">
      <c r="A39" s="12" t="s">
        <v>32</v>
      </c>
      <c r="B39" s="17">
        <f>SUM(B6:B38)</f>
        <v>5104211</v>
      </c>
      <c r="C39" s="17">
        <f t="shared" ref="C39:G39" si="0">SUM(C6:C38)</f>
        <v>1472339</v>
      </c>
      <c r="D39" s="17">
        <f t="shared" si="0"/>
        <v>1398687</v>
      </c>
      <c r="E39" s="17">
        <f t="shared" si="0"/>
        <v>800000</v>
      </c>
      <c r="F39" s="17">
        <f t="shared" si="0"/>
        <v>0</v>
      </c>
      <c r="G39" s="17">
        <f t="shared" si="0"/>
        <v>5977863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４年度市町村普通会計決算状況
　（５）ウ　積立金現在高（減債基金）［&amp;P/&amp;N］&amp;R&amp;"ＭＳ ゴシック,標準"&amp;10
（単位：千円）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G39"/>
  <sheetViews>
    <sheetView topLeftCell="A20" zoomScaleNormal="100" zoomScaleSheetLayoutView="100" workbookViewId="0">
      <selection activeCell="K40" sqref="K40"/>
    </sheetView>
  </sheetViews>
  <sheetFormatPr defaultColWidth="9.19921875" defaultRowHeight="10.8"/>
  <cols>
    <col min="1" max="1" width="14.09765625" style="13" customWidth="1"/>
    <col min="2" max="16384" width="9.199218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57</v>
      </c>
      <c r="C2" s="4"/>
      <c r="D2" s="4"/>
      <c r="E2" s="4" t="s">
        <v>0</v>
      </c>
      <c r="F2" s="22"/>
      <c r="G2" s="4" t="s">
        <v>59</v>
      </c>
    </row>
    <row r="3" spans="1:7" s="3" customFormat="1" ht="17.25" customHeight="1">
      <c r="A3" s="4"/>
      <c r="B3" s="4" t="s">
        <v>14</v>
      </c>
      <c r="C3" s="4" t="s">
        <v>1</v>
      </c>
      <c r="D3" s="4" t="s">
        <v>15</v>
      </c>
      <c r="E3" s="4" t="s">
        <v>16</v>
      </c>
      <c r="F3" s="22" t="s">
        <v>17</v>
      </c>
      <c r="G3" s="4" t="s">
        <v>14</v>
      </c>
    </row>
    <row r="4" spans="1:7" s="3" customFormat="1" ht="17.25" customHeight="1">
      <c r="A4" s="4"/>
      <c r="B4" s="4"/>
      <c r="C4" s="4"/>
      <c r="D4" s="4"/>
      <c r="E4" s="4" t="s">
        <v>18</v>
      </c>
      <c r="F4" s="22"/>
      <c r="G4" s="4" t="s">
        <v>19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20</v>
      </c>
      <c r="F5" s="23" t="s">
        <v>21</v>
      </c>
      <c r="G5" s="6" t="s">
        <v>22</v>
      </c>
    </row>
    <row r="6" spans="1:7" ht="17.25" customHeight="1">
      <c r="A6" s="7" t="s">
        <v>33</v>
      </c>
      <c r="B6" s="14">
        <v>18338241</v>
      </c>
      <c r="C6" s="14">
        <v>3459600</v>
      </c>
      <c r="D6" s="14">
        <v>3322392</v>
      </c>
      <c r="E6" s="14">
        <v>0</v>
      </c>
      <c r="F6" s="14">
        <v>-2</v>
      </c>
      <c r="G6" s="14">
        <v>18475447</v>
      </c>
    </row>
    <row r="7" spans="1:7" s="10" customFormat="1" ht="17.25" customHeight="1">
      <c r="A7" s="9" t="s">
        <v>34</v>
      </c>
      <c r="B7" s="15">
        <v>24155936</v>
      </c>
      <c r="C7" s="15">
        <v>1470640</v>
      </c>
      <c r="D7" s="15">
        <v>1782965</v>
      </c>
      <c r="E7" s="15">
        <v>0</v>
      </c>
      <c r="F7" s="15">
        <v>1</v>
      </c>
      <c r="G7" s="15">
        <v>23843612</v>
      </c>
    </row>
    <row r="8" spans="1:7" ht="17.25" customHeight="1">
      <c r="A8" s="20" t="s">
        <v>35</v>
      </c>
      <c r="B8" s="21">
        <v>7572723</v>
      </c>
      <c r="C8" s="21">
        <v>11891349</v>
      </c>
      <c r="D8" s="21">
        <v>803287</v>
      </c>
      <c r="E8" s="21">
        <v>0</v>
      </c>
      <c r="F8" s="21">
        <v>0</v>
      </c>
      <c r="G8" s="21">
        <v>18660785</v>
      </c>
    </row>
    <row r="9" spans="1:7" ht="17.25" customHeight="1">
      <c r="A9" s="9" t="s">
        <v>36</v>
      </c>
      <c r="B9" s="15">
        <v>4058077</v>
      </c>
      <c r="C9" s="15">
        <v>2878353</v>
      </c>
      <c r="D9" s="15">
        <v>1762306</v>
      </c>
      <c r="E9" s="15">
        <v>0</v>
      </c>
      <c r="F9" s="15">
        <v>0</v>
      </c>
      <c r="G9" s="15">
        <v>5174124</v>
      </c>
    </row>
    <row r="10" spans="1:7" s="10" customFormat="1" ht="17.25" customHeight="1">
      <c r="A10" s="9" t="s">
        <v>37</v>
      </c>
      <c r="B10" s="15">
        <v>8650082</v>
      </c>
      <c r="C10" s="15">
        <v>2294598</v>
      </c>
      <c r="D10" s="15">
        <v>1808213</v>
      </c>
      <c r="E10" s="15">
        <v>0</v>
      </c>
      <c r="F10" s="15">
        <v>0</v>
      </c>
      <c r="G10" s="15">
        <v>9136467</v>
      </c>
    </row>
    <row r="11" spans="1:7" s="10" customFormat="1" ht="17.25" customHeight="1">
      <c r="A11" s="9" t="s">
        <v>24</v>
      </c>
      <c r="B11" s="15">
        <v>6185963</v>
      </c>
      <c r="C11" s="15">
        <v>870539</v>
      </c>
      <c r="D11" s="15">
        <v>117940</v>
      </c>
      <c r="E11" s="15">
        <v>0</v>
      </c>
      <c r="F11" s="15">
        <v>0</v>
      </c>
      <c r="G11" s="15">
        <v>6938562</v>
      </c>
    </row>
    <row r="12" spans="1:7" s="10" customFormat="1" ht="17.25" customHeight="1">
      <c r="A12" s="9" t="s">
        <v>38</v>
      </c>
      <c r="B12" s="15">
        <v>7654880</v>
      </c>
      <c r="C12" s="15">
        <v>4112955</v>
      </c>
      <c r="D12" s="15">
        <v>2349102</v>
      </c>
      <c r="E12" s="15">
        <v>0</v>
      </c>
      <c r="F12" s="15">
        <v>1065</v>
      </c>
      <c r="G12" s="15">
        <v>9419798</v>
      </c>
    </row>
    <row r="13" spans="1:7" s="10" customFormat="1" ht="17.25" customHeight="1">
      <c r="A13" s="9" t="s">
        <v>39</v>
      </c>
      <c r="B13" s="15">
        <v>3010983</v>
      </c>
      <c r="C13" s="15">
        <v>16589</v>
      </c>
      <c r="D13" s="15">
        <v>118192</v>
      </c>
      <c r="E13" s="15">
        <v>0</v>
      </c>
      <c r="F13" s="15">
        <v>0</v>
      </c>
      <c r="G13" s="15">
        <v>2909380</v>
      </c>
    </row>
    <row r="14" spans="1:7" s="10" customFormat="1" ht="17.25" customHeight="1">
      <c r="A14" s="9" t="s">
        <v>23</v>
      </c>
      <c r="B14" s="15">
        <v>2684473</v>
      </c>
      <c r="C14" s="15">
        <v>6140893</v>
      </c>
      <c r="D14" s="15">
        <v>529014</v>
      </c>
      <c r="E14" s="15">
        <v>0</v>
      </c>
      <c r="F14" s="15">
        <v>0</v>
      </c>
      <c r="G14" s="15">
        <v>8296352</v>
      </c>
    </row>
    <row r="15" spans="1:7" s="10" customFormat="1" ht="17.25" customHeight="1">
      <c r="A15" s="9" t="s">
        <v>40</v>
      </c>
      <c r="B15" s="15">
        <v>2153940</v>
      </c>
      <c r="C15" s="15">
        <v>299434</v>
      </c>
      <c r="D15" s="15">
        <v>160414</v>
      </c>
      <c r="E15" s="15">
        <v>0</v>
      </c>
      <c r="F15" s="15">
        <v>0</v>
      </c>
      <c r="G15" s="15">
        <v>2292960</v>
      </c>
    </row>
    <row r="16" spans="1:7" s="10" customFormat="1" ht="17.25" customHeight="1">
      <c r="A16" s="9" t="s">
        <v>41</v>
      </c>
      <c r="B16" s="15">
        <v>2167339</v>
      </c>
      <c r="C16" s="15">
        <v>1180601</v>
      </c>
      <c r="D16" s="15">
        <v>199653</v>
      </c>
      <c r="E16" s="15">
        <v>0</v>
      </c>
      <c r="F16" s="15">
        <v>1</v>
      </c>
      <c r="G16" s="15">
        <v>3148288</v>
      </c>
    </row>
    <row r="17" spans="1:7" s="10" customFormat="1" ht="17.25" customHeight="1">
      <c r="A17" s="9" t="s">
        <v>42</v>
      </c>
      <c r="B17" s="15">
        <v>1323761</v>
      </c>
      <c r="C17" s="15">
        <v>456411</v>
      </c>
      <c r="D17" s="15">
        <v>365766</v>
      </c>
      <c r="E17" s="15">
        <v>0</v>
      </c>
      <c r="F17" s="15">
        <v>2</v>
      </c>
      <c r="G17" s="15">
        <v>1414408</v>
      </c>
    </row>
    <row r="18" spans="1:7" s="10" customFormat="1" ht="17.25" customHeight="1">
      <c r="A18" s="9" t="s">
        <v>43</v>
      </c>
      <c r="B18" s="15">
        <v>9769883</v>
      </c>
      <c r="C18" s="15">
        <v>4444949</v>
      </c>
      <c r="D18" s="15">
        <v>15962</v>
      </c>
      <c r="E18" s="15">
        <v>0</v>
      </c>
      <c r="F18" s="15">
        <v>0</v>
      </c>
      <c r="G18" s="15">
        <v>14198870</v>
      </c>
    </row>
    <row r="19" spans="1:7" s="10" customFormat="1" ht="17.25" customHeight="1">
      <c r="A19" s="9" t="s">
        <v>44</v>
      </c>
      <c r="B19" s="15">
        <v>386167</v>
      </c>
      <c r="C19" s="15">
        <v>71223</v>
      </c>
      <c r="D19" s="15">
        <v>76735</v>
      </c>
      <c r="E19" s="15">
        <v>0</v>
      </c>
      <c r="F19" s="15">
        <v>0</v>
      </c>
      <c r="G19" s="15">
        <v>380655</v>
      </c>
    </row>
    <row r="20" spans="1:7" s="10" customFormat="1" ht="17.25" customHeight="1">
      <c r="A20" s="9" t="s">
        <v>45</v>
      </c>
      <c r="B20" s="15">
        <v>636366</v>
      </c>
      <c r="C20" s="15">
        <v>90337</v>
      </c>
      <c r="D20" s="15">
        <v>101620</v>
      </c>
      <c r="E20" s="15">
        <v>0</v>
      </c>
      <c r="F20" s="15">
        <v>0</v>
      </c>
      <c r="G20" s="15">
        <v>625083</v>
      </c>
    </row>
    <row r="21" spans="1:7" s="10" customFormat="1" ht="17.25" customHeight="1">
      <c r="A21" s="9" t="s">
        <v>46</v>
      </c>
      <c r="B21" s="15">
        <v>4909612</v>
      </c>
      <c r="C21" s="15">
        <v>2100799</v>
      </c>
      <c r="D21" s="15">
        <v>1490581</v>
      </c>
      <c r="E21" s="15">
        <v>0</v>
      </c>
      <c r="F21" s="15">
        <v>0</v>
      </c>
      <c r="G21" s="15">
        <v>5519830</v>
      </c>
    </row>
    <row r="22" spans="1:7" s="10" customFormat="1" ht="17.25" customHeight="1">
      <c r="A22" s="9" t="s">
        <v>47</v>
      </c>
      <c r="B22" s="15">
        <v>1190144</v>
      </c>
      <c r="C22" s="15">
        <v>351780</v>
      </c>
      <c r="D22" s="15">
        <v>390730</v>
      </c>
      <c r="E22" s="15">
        <v>0</v>
      </c>
      <c r="F22" s="15">
        <v>0</v>
      </c>
      <c r="G22" s="15">
        <v>1151194</v>
      </c>
    </row>
    <row r="23" spans="1:7" s="10" customFormat="1" ht="17.25" customHeight="1">
      <c r="A23" s="9" t="s">
        <v>25</v>
      </c>
      <c r="B23" s="15">
        <v>3574301</v>
      </c>
      <c r="C23" s="15">
        <v>801487</v>
      </c>
      <c r="D23" s="15">
        <v>617396</v>
      </c>
      <c r="E23" s="15">
        <v>0</v>
      </c>
      <c r="F23" s="15">
        <v>0</v>
      </c>
      <c r="G23" s="15">
        <v>3758392</v>
      </c>
    </row>
    <row r="24" spans="1:7" ht="17.25" customHeight="1">
      <c r="A24" s="18" t="s">
        <v>48</v>
      </c>
      <c r="B24" s="19">
        <v>2257451</v>
      </c>
      <c r="C24" s="19">
        <v>1411878</v>
      </c>
      <c r="D24" s="19">
        <v>280675</v>
      </c>
      <c r="E24" s="19">
        <v>0</v>
      </c>
      <c r="F24" s="19">
        <v>-1</v>
      </c>
      <c r="G24" s="19">
        <v>3388653</v>
      </c>
    </row>
    <row r="25" spans="1:7" ht="17.25" customHeight="1">
      <c r="A25" s="9" t="s">
        <v>49</v>
      </c>
      <c r="B25" s="15">
        <v>1825609</v>
      </c>
      <c r="C25" s="15">
        <v>643882</v>
      </c>
      <c r="D25" s="15">
        <v>270655</v>
      </c>
      <c r="E25" s="15">
        <v>0</v>
      </c>
      <c r="F25" s="15">
        <v>0</v>
      </c>
      <c r="G25" s="15">
        <v>2198836</v>
      </c>
    </row>
    <row r="26" spans="1:7" s="10" customFormat="1" ht="17.25" customHeight="1">
      <c r="A26" s="9" t="s">
        <v>50</v>
      </c>
      <c r="B26" s="15">
        <v>1322320</v>
      </c>
      <c r="C26" s="15">
        <v>80157</v>
      </c>
      <c r="D26" s="15">
        <v>28178</v>
      </c>
      <c r="E26" s="15">
        <v>0</v>
      </c>
      <c r="F26" s="15">
        <v>0</v>
      </c>
      <c r="G26" s="15">
        <v>1374299</v>
      </c>
    </row>
    <row r="27" spans="1:7" s="10" customFormat="1" ht="17.25" customHeight="1">
      <c r="A27" s="9" t="s">
        <v>51</v>
      </c>
      <c r="B27" s="15">
        <v>2569315</v>
      </c>
      <c r="C27" s="15">
        <v>568483</v>
      </c>
      <c r="D27" s="15">
        <v>67199</v>
      </c>
      <c r="E27" s="15">
        <v>0</v>
      </c>
      <c r="F27" s="15">
        <v>0</v>
      </c>
      <c r="G27" s="15">
        <v>3070599</v>
      </c>
    </row>
    <row r="28" spans="1:7" s="10" customFormat="1" ht="17.25" customHeight="1">
      <c r="A28" s="9" t="s">
        <v>52</v>
      </c>
      <c r="B28" s="15">
        <v>1353476</v>
      </c>
      <c r="C28" s="15">
        <v>142146</v>
      </c>
      <c r="D28" s="15">
        <v>54180</v>
      </c>
      <c r="E28" s="15">
        <v>0</v>
      </c>
      <c r="F28" s="15">
        <v>0</v>
      </c>
      <c r="G28" s="15">
        <v>1441442</v>
      </c>
    </row>
    <row r="29" spans="1:7" s="10" customFormat="1" ht="17.25" customHeight="1">
      <c r="A29" s="9" t="s">
        <v>53</v>
      </c>
      <c r="B29" s="15">
        <v>870564</v>
      </c>
      <c r="C29" s="15">
        <v>85231</v>
      </c>
      <c r="D29" s="15">
        <v>0</v>
      </c>
      <c r="E29" s="15">
        <v>0</v>
      </c>
      <c r="F29" s="15">
        <v>0</v>
      </c>
      <c r="G29" s="15">
        <v>955795</v>
      </c>
    </row>
    <row r="30" spans="1:7" s="10" customFormat="1" ht="17.25" customHeight="1">
      <c r="A30" s="9" t="s">
        <v>54</v>
      </c>
      <c r="B30" s="15">
        <v>250245</v>
      </c>
      <c r="C30" s="15">
        <v>102649</v>
      </c>
      <c r="D30" s="15">
        <v>0</v>
      </c>
      <c r="E30" s="15">
        <v>0</v>
      </c>
      <c r="F30" s="15">
        <v>0</v>
      </c>
      <c r="G30" s="15">
        <v>352894</v>
      </c>
    </row>
    <row r="31" spans="1:7" s="10" customFormat="1" ht="17.25" customHeight="1">
      <c r="A31" s="9" t="s">
        <v>55</v>
      </c>
      <c r="B31" s="15">
        <v>397241</v>
      </c>
      <c r="C31" s="15">
        <v>260796</v>
      </c>
      <c r="D31" s="15">
        <v>160180</v>
      </c>
      <c r="E31" s="15">
        <v>0</v>
      </c>
      <c r="F31" s="15">
        <v>1</v>
      </c>
      <c r="G31" s="15">
        <v>497858</v>
      </c>
    </row>
    <row r="32" spans="1:7" s="10" customFormat="1" ht="17.25" customHeight="1">
      <c r="A32" s="9" t="s">
        <v>56</v>
      </c>
      <c r="B32" s="15">
        <v>1339582</v>
      </c>
      <c r="C32" s="15">
        <v>462567</v>
      </c>
      <c r="D32" s="15">
        <v>51611</v>
      </c>
      <c r="E32" s="15">
        <v>0</v>
      </c>
      <c r="F32" s="15">
        <v>0</v>
      </c>
      <c r="G32" s="15">
        <v>1750538</v>
      </c>
    </row>
    <row r="33" spans="1:7" s="10" customFormat="1" ht="17.25" customHeight="1">
      <c r="A33" s="9" t="s">
        <v>26</v>
      </c>
      <c r="B33" s="15">
        <v>747945</v>
      </c>
      <c r="C33" s="15">
        <v>106137</v>
      </c>
      <c r="D33" s="15">
        <v>17450</v>
      </c>
      <c r="E33" s="15">
        <v>0</v>
      </c>
      <c r="F33" s="15">
        <v>0</v>
      </c>
      <c r="G33" s="15">
        <v>836632</v>
      </c>
    </row>
    <row r="34" spans="1:7" s="10" customFormat="1" ht="17.25" customHeight="1">
      <c r="A34" s="9" t="s">
        <v>27</v>
      </c>
      <c r="B34" s="15">
        <v>495895</v>
      </c>
      <c r="C34" s="15">
        <v>9440</v>
      </c>
      <c r="D34" s="15">
        <v>7752</v>
      </c>
      <c r="E34" s="15">
        <v>0</v>
      </c>
      <c r="F34" s="15">
        <v>0</v>
      </c>
      <c r="G34" s="15">
        <v>497583</v>
      </c>
    </row>
    <row r="35" spans="1:7" s="10" customFormat="1" ht="17.25" customHeight="1">
      <c r="A35" s="9" t="s">
        <v>28</v>
      </c>
      <c r="B35" s="15">
        <v>215455</v>
      </c>
      <c r="C35" s="15">
        <v>121388</v>
      </c>
      <c r="D35" s="15">
        <v>21754</v>
      </c>
      <c r="E35" s="15">
        <v>0</v>
      </c>
      <c r="F35" s="15">
        <v>0</v>
      </c>
      <c r="G35" s="15">
        <v>315089</v>
      </c>
    </row>
    <row r="36" spans="1:7" s="10" customFormat="1" ht="17.25" customHeight="1">
      <c r="A36" s="9" t="s">
        <v>29</v>
      </c>
      <c r="B36" s="15">
        <v>1174187</v>
      </c>
      <c r="C36" s="15">
        <v>401197</v>
      </c>
      <c r="D36" s="15">
        <v>364666</v>
      </c>
      <c r="E36" s="15">
        <v>0</v>
      </c>
      <c r="F36" s="15">
        <v>0</v>
      </c>
      <c r="G36" s="15">
        <v>1210718</v>
      </c>
    </row>
    <row r="37" spans="1:7" s="10" customFormat="1" ht="17.25" customHeight="1">
      <c r="A37" s="9" t="s">
        <v>30</v>
      </c>
      <c r="B37" s="15">
        <v>1427172</v>
      </c>
      <c r="C37" s="15">
        <v>139449</v>
      </c>
      <c r="D37" s="15">
        <v>33394</v>
      </c>
      <c r="E37" s="15">
        <v>0</v>
      </c>
      <c r="F37" s="15">
        <v>0</v>
      </c>
      <c r="G37" s="15">
        <v>1533227</v>
      </c>
    </row>
    <row r="38" spans="1:7" ht="17.25" customHeight="1">
      <c r="A38" s="11" t="s">
        <v>31</v>
      </c>
      <c r="B38" s="16">
        <v>1182248</v>
      </c>
      <c r="C38" s="16">
        <v>25019</v>
      </c>
      <c r="D38" s="16">
        <v>14866</v>
      </c>
      <c r="E38" s="16">
        <v>0</v>
      </c>
      <c r="F38" s="16">
        <v>0</v>
      </c>
      <c r="G38" s="16">
        <v>1192401</v>
      </c>
    </row>
    <row r="39" spans="1:7" ht="17.25" customHeight="1">
      <c r="A39" s="12" t="s">
        <v>32</v>
      </c>
      <c r="B39" s="17">
        <f>SUM(B6:B38)</f>
        <v>125851576</v>
      </c>
      <c r="C39" s="17">
        <f t="shared" ref="C39:G39" si="0">SUM(C6:C38)</f>
        <v>47492956</v>
      </c>
      <c r="D39" s="17">
        <f t="shared" si="0"/>
        <v>17384828</v>
      </c>
      <c r="E39" s="17">
        <f t="shared" si="0"/>
        <v>0</v>
      </c>
      <c r="F39" s="17">
        <f t="shared" si="0"/>
        <v>1067</v>
      </c>
      <c r="G39" s="17">
        <f t="shared" si="0"/>
        <v>155960771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４年度市町村普通会計決算状況
　（５）エ　積立金現在高（その他特定目的基金）［&amp;P/&amp;N］&amp;R&amp;"ＭＳ ゴシック,標準"&amp;10
（単位：千円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8</vt:i4>
      </vt:variant>
    </vt:vector>
  </HeadingPairs>
  <TitlesOfParts>
    <vt:vector size="12" baseType="lpstr">
      <vt:lpstr>15-1(積立金合計)</vt:lpstr>
      <vt:lpstr>15-2（財調）</vt:lpstr>
      <vt:lpstr>15-3（減債）</vt:lpstr>
      <vt:lpstr>15-4（その他特目）</vt:lpstr>
      <vt:lpstr>'15-1(積立金合計)'!Print_Area</vt:lpstr>
      <vt:lpstr>'15-2（財調）'!Print_Area</vt:lpstr>
      <vt:lpstr>'15-3（減債）'!Print_Area</vt:lpstr>
      <vt:lpstr>'15-4（その他特目）'!Print_Area</vt:lpstr>
      <vt:lpstr>'15-1(積立金合計)'!Print_Titles</vt:lpstr>
      <vt:lpstr>'15-2（財調）'!Print_Titles</vt:lpstr>
      <vt:lpstr>'15-3（減債）'!Print_Titles</vt:lpstr>
      <vt:lpstr>'15-4（その他特目）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22T04:30:54Z</cp:lastPrinted>
  <dcterms:created xsi:type="dcterms:W3CDTF">2013-03-18T10:12:13Z</dcterms:created>
  <dcterms:modified xsi:type="dcterms:W3CDTF">2023-12-18T02:28:15Z</dcterms:modified>
</cp:coreProperties>
</file>